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8" sheetId="23" r:id="rId1"/>
  </sheets>
  <calcPr calcId="152511"/>
</workbook>
</file>

<file path=xl/calcChain.xml><?xml version="1.0" encoding="utf-8"?>
<calcChain xmlns="http://schemas.openxmlformats.org/spreadsheetml/2006/main">
  <c r="Y22" i="23" l="1"/>
  <c r="I22" i="23"/>
  <c r="Y23" i="23"/>
  <c r="Y21" i="23"/>
  <c r="I21" i="23"/>
  <c r="Y20" i="23"/>
  <c r="I23" i="23"/>
  <c r="I20" i="23"/>
  <c r="Y19" i="23"/>
  <c r="I19" i="23"/>
  <c r="Y18" i="23"/>
  <c r="Y17" i="23"/>
  <c r="I17" i="23"/>
  <c r="Y16" i="23"/>
  <c r="Y15" i="23"/>
  <c r="Y14" i="23"/>
  <c r="Y13" i="23"/>
  <c r="Y12" i="23"/>
  <c r="I12" i="23"/>
  <c r="Y10" i="23"/>
  <c r="Y9" i="23"/>
  <c r="I18" i="23"/>
  <c r="I16" i="23"/>
  <c r="I15" i="23"/>
  <c r="I14" i="23"/>
  <c r="I13" i="23"/>
  <c r="I11" i="23"/>
  <c r="I10" i="23"/>
  <c r="I9" i="23"/>
  <c r="Y11" i="23"/>
  <c r="I8" i="23"/>
  <c r="I6" i="23"/>
  <c r="I7" i="23"/>
  <c r="Y8" i="23"/>
  <c r="Y7" i="23"/>
  <c r="Y6" i="23"/>
</calcChain>
</file>

<file path=xl/sharedStrings.xml><?xml version="1.0" encoding="utf-8"?>
<sst xmlns="http://schemas.openxmlformats.org/spreadsheetml/2006/main" count="64" uniqueCount="21">
  <si>
    <t>（単位：人、％）</t>
    <rPh sb="1" eb="3">
      <t>タンイ</t>
    </rPh>
    <rPh sb="4" eb="5">
      <t>ヒト</t>
    </rPh>
    <phoneticPr fontId="2"/>
  </si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計</t>
    <rPh sb="0" eb="1">
      <t>ケイ</t>
    </rPh>
    <phoneticPr fontId="2"/>
  </si>
  <si>
    <t>－中学校－</t>
    <rPh sb="1" eb="4">
      <t>チュウガッコウ</t>
    </rPh>
    <phoneticPr fontId="2"/>
  </si>
  <si>
    <t>率</t>
    <rPh sb="0" eb="1">
      <t>リツ</t>
    </rPh>
    <phoneticPr fontId="2"/>
  </si>
  <si>
    <t>進学者</t>
    <rPh sb="0" eb="3">
      <t>シンガクシャ</t>
    </rPh>
    <phoneticPr fontId="2"/>
  </si>
  <si>
    <t>全日制</t>
    <rPh sb="0" eb="3">
      <t>ゼンニチセイ</t>
    </rPh>
    <phoneticPr fontId="2"/>
  </si>
  <si>
    <t>定時制</t>
    <rPh sb="0" eb="3">
      <t>テイジセイ</t>
    </rPh>
    <phoneticPr fontId="2"/>
  </si>
  <si>
    <t>高等学校（本科）</t>
    <rPh sb="0" eb="2">
      <t>コウトウ</t>
    </rPh>
    <rPh sb="2" eb="4">
      <t>ガッコウ</t>
    </rPh>
    <rPh sb="5" eb="7">
      <t>ホンカ</t>
    </rPh>
    <phoneticPr fontId="2"/>
  </si>
  <si>
    <t>高等専門
学校</t>
    <rPh sb="0" eb="2">
      <t>コウトウ</t>
    </rPh>
    <rPh sb="2" eb="4">
      <t>センモン</t>
    </rPh>
    <rPh sb="5" eb="7">
      <t>ガッコウ</t>
    </rPh>
    <phoneticPr fontId="2"/>
  </si>
  <si>
    <t>定時制等</t>
    <rPh sb="0" eb="3">
      <t>テイジセイ</t>
    </rPh>
    <rPh sb="3" eb="4">
      <t>トウ</t>
    </rPh>
    <phoneticPr fontId="2"/>
  </si>
  <si>
    <t>入学志願者</t>
    <rPh sb="0" eb="2">
      <t>ニュウガク</t>
    </rPh>
    <rPh sb="2" eb="5">
      <t>シガンシャ</t>
    </rPh>
    <phoneticPr fontId="2"/>
  </si>
  <si>
    <t>特別支援学校
高等部(本科)</t>
    <rPh sb="0" eb="2">
      <t>トクベツ</t>
    </rPh>
    <rPh sb="2" eb="4">
      <t>シエン</t>
    </rPh>
    <rPh sb="4" eb="6">
      <t>ガッコウ</t>
    </rPh>
    <rPh sb="7" eb="10">
      <t>コウトウブ</t>
    </rPh>
    <rPh sb="11" eb="13">
      <t>ホンカ</t>
    </rPh>
    <phoneticPr fontId="2"/>
  </si>
  <si>
    <t>特別支援学校
高等部(本科)</t>
    <rPh sb="0" eb="2">
      <t>トクベツ</t>
    </rPh>
    <rPh sb="2" eb="4">
      <t>シエン</t>
    </rPh>
    <rPh sb="4" eb="5">
      <t>ガク</t>
    </rPh>
    <rPh sb="5" eb="6">
      <t>コウ</t>
    </rPh>
    <rPh sb="7" eb="10">
      <t>コウトウブ</t>
    </rPh>
    <rPh sb="11" eb="13">
      <t>ホンカ</t>
    </rPh>
    <phoneticPr fontId="2"/>
  </si>
  <si>
    <t>通信制</t>
    <rPh sb="0" eb="3">
      <t>ツウシンセイ</t>
    </rPh>
    <phoneticPr fontId="2"/>
  </si>
  <si>
    <t>20-8　卒業者の学校別志願者数及び進学者数（公立・私立）</t>
    <rPh sb="5" eb="8">
      <t>ソツギョウシャ</t>
    </rPh>
    <rPh sb="9" eb="11">
      <t>ガッコウ</t>
    </rPh>
    <rPh sb="11" eb="12">
      <t>ベツ</t>
    </rPh>
    <rPh sb="12" eb="15">
      <t>シガンシャ</t>
    </rPh>
    <rPh sb="15" eb="16">
      <t>カズ</t>
    </rPh>
    <rPh sb="16" eb="17">
      <t>オヨ</t>
    </rPh>
    <rPh sb="18" eb="21">
      <t>シンガクシャ</t>
    </rPh>
    <rPh sb="21" eb="22">
      <t>カズ</t>
    </rPh>
    <rPh sb="23" eb="25">
      <t>コウリツ</t>
    </rPh>
    <rPh sb="26" eb="28">
      <t>シリツ</t>
    </rPh>
    <phoneticPr fontId="2"/>
  </si>
  <si>
    <t>平成14年3月</t>
    <rPh sb="0" eb="2">
      <t>ヘイセイ</t>
    </rPh>
    <rPh sb="4" eb="5">
      <t>ネン</t>
    </rPh>
    <rPh sb="6" eb="7">
      <t>ガツ</t>
    </rPh>
    <phoneticPr fontId="2"/>
  </si>
  <si>
    <t>区分</t>
    <rPh sb="0" eb="2">
      <t>クブ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.0;[Red]\-#,##0.0"/>
    <numFmt numFmtId="177" formatCode="_ * #,##0;_ * \-#,##0;_ * &quot;-&quot;;_ @"/>
  </numFmts>
  <fonts count="1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7"/>
      <name val="明朝"/>
      <family val="1"/>
      <charset val="128"/>
    </font>
    <font>
      <sz val="10"/>
      <name val="ＭＳ Ｐ明朝"/>
      <family val="1"/>
      <charset val="128"/>
    </font>
    <font>
      <sz val="11"/>
      <name val="ＭＳ Ｐゴシック"/>
      <family val="3"/>
      <charset val="128"/>
    </font>
    <font>
      <sz val="9"/>
      <name val="ＭＳ Ｐ明朝"/>
      <family val="1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9" fillId="0" borderId="0"/>
  </cellStyleXfs>
  <cellXfs count="50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6" fillId="0" borderId="0" xfId="0" applyFont="1" applyBorder="1" applyAlignment="1">
      <alignment horizontal="right" vertical="center"/>
    </xf>
    <xf numFmtId="0" fontId="6" fillId="0" borderId="0" xfId="0" applyFont="1" applyAlignment="1">
      <alignment horizontal="right" vertical="center"/>
    </xf>
    <xf numFmtId="0" fontId="8" fillId="0" borderId="0" xfId="0" applyFont="1" applyBorder="1" applyAlignment="1">
      <alignment horizontal="right" vertical="center"/>
    </xf>
    <xf numFmtId="177" fontId="8" fillId="0" borderId="0" xfId="2" applyNumberFormat="1" applyFont="1" applyFill="1" applyAlignment="1">
      <alignment horizontal="left" vertical="center"/>
    </xf>
    <xf numFmtId="0" fontId="4" fillId="0" borderId="0" xfId="0" applyFont="1" applyBorder="1" applyAlignment="1">
      <alignment vertical="center"/>
    </xf>
    <xf numFmtId="176" fontId="8" fillId="0" borderId="0" xfId="1" applyNumberFormat="1" applyFont="1" applyBorder="1" applyAlignment="1">
      <alignment horizontal="right" vertical="center"/>
    </xf>
    <xf numFmtId="176" fontId="8" fillId="0" borderId="0" xfId="0" applyNumberFormat="1" applyFont="1" applyBorder="1" applyAlignment="1">
      <alignment horizontal="right" vertical="center"/>
    </xf>
    <xf numFmtId="38" fontId="8" fillId="0" borderId="0" xfId="1" applyFont="1" applyBorder="1" applyAlignment="1">
      <alignment horizontal="right" vertical="center"/>
    </xf>
    <xf numFmtId="38" fontId="8" fillId="0" borderId="7" xfId="1" applyFont="1" applyBorder="1" applyAlignment="1">
      <alignment horizontal="right" vertical="center"/>
    </xf>
    <xf numFmtId="38" fontId="8" fillId="0" borderId="0" xfId="0" applyNumberFormat="1" applyFont="1" applyBorder="1" applyAlignment="1">
      <alignment horizontal="right" vertical="center"/>
    </xf>
    <xf numFmtId="3" fontId="8" fillId="0" borderId="0" xfId="0" applyNumberFormat="1" applyFont="1" applyBorder="1" applyAlignment="1">
      <alignment horizontal="right" vertical="center"/>
    </xf>
    <xf numFmtId="177" fontId="8" fillId="0" borderId="0" xfId="2" applyNumberFormat="1" applyFont="1" applyFill="1" applyAlignment="1">
      <alignment vertical="center"/>
    </xf>
    <xf numFmtId="0" fontId="10" fillId="0" borderId="0" xfId="0" applyFont="1" applyBorder="1" applyAlignment="1">
      <alignment horizontal="center" vertical="center"/>
    </xf>
    <xf numFmtId="0" fontId="10" fillId="0" borderId="8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/>
    </xf>
    <xf numFmtId="0" fontId="10" fillId="0" borderId="9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0" xfId="0" applyFont="1" applyBorder="1" applyAlignment="1">
      <alignment horizontal="distributed" vertical="center" wrapText="1" shrinkToFit="1"/>
    </xf>
    <xf numFmtId="0" fontId="7" fillId="0" borderId="11" xfId="0" applyFont="1" applyBorder="1" applyAlignment="1">
      <alignment horizontal="distributed" vertical="center" wrapText="1" shrinkToFit="1"/>
    </xf>
    <xf numFmtId="0" fontId="7" fillId="0" borderId="12" xfId="0" applyFont="1" applyBorder="1" applyAlignment="1">
      <alignment horizontal="distributed" vertical="center" wrapText="1" shrinkToFit="1"/>
    </xf>
    <xf numFmtId="0" fontId="7" fillId="0" borderId="13" xfId="0" applyFont="1" applyBorder="1" applyAlignment="1">
      <alignment horizontal="distributed" vertical="center" wrapText="1" shrinkToFit="1"/>
    </xf>
    <xf numFmtId="0" fontId="7" fillId="0" borderId="14" xfId="0" applyFont="1" applyBorder="1" applyAlignment="1">
      <alignment horizontal="distributed" vertical="center" wrapText="1" shrinkToFit="1"/>
    </xf>
    <xf numFmtId="0" fontId="7" fillId="0" borderId="15" xfId="0" applyFont="1" applyBorder="1" applyAlignment="1">
      <alignment horizontal="distributed" vertical="center" wrapText="1" shrinkToFit="1"/>
    </xf>
    <xf numFmtId="0" fontId="5" fillId="0" borderId="16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101表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Q26"/>
  <sheetViews>
    <sheetView tabSelected="1" zoomScale="115" zoomScaleNormal="115" workbookViewId="0">
      <pane xSplit="2" ySplit="5" topLeftCell="C15" activePane="bottomRight" state="frozen"/>
      <selection pane="topRight" activeCell="C1" sqref="C1"/>
      <selection pane="bottomLeft" activeCell="A20" sqref="A20"/>
      <selection pane="bottomRight"/>
    </sheetView>
  </sheetViews>
  <sheetFormatPr defaultRowHeight="13.5"/>
  <cols>
    <col min="1" max="1" width="5.875" style="2" customWidth="1"/>
    <col min="2" max="2" width="3.875" style="2" customWidth="1"/>
    <col min="3" max="3" width="6" style="2" bestFit="1" customWidth="1"/>
    <col min="4" max="5" width="5.125" style="2" customWidth="1"/>
    <col min="6" max="6" width="6" style="2" bestFit="1" customWidth="1"/>
    <col min="7" max="8" width="5.125" style="2" customWidth="1"/>
    <col min="9" max="9" width="4.625" style="2" customWidth="1"/>
    <col min="10" max="10" width="5.625" style="2" customWidth="1"/>
    <col min="11" max="12" width="5.125" style="2" customWidth="1"/>
    <col min="13" max="15" width="4.625" style="2" customWidth="1"/>
    <col min="16" max="18" width="3.75" style="2" customWidth="1"/>
    <col min="19" max="21" width="3.625" style="2" customWidth="1"/>
    <col min="22" max="22" width="6.125" style="2" bestFit="1" customWidth="1"/>
    <col min="23" max="24" width="5.125" style="2" bestFit="1" customWidth="1"/>
    <col min="25" max="25" width="5.75" style="2" bestFit="1" customWidth="1"/>
    <col min="26" max="26" width="6" style="2" bestFit="1" customWidth="1"/>
    <col min="27" max="28" width="5" style="2" bestFit="1" customWidth="1"/>
    <col min="29" max="29" width="6" style="2" bestFit="1" customWidth="1"/>
    <col min="30" max="31" width="5.125" style="2" bestFit="1" customWidth="1"/>
    <col min="32" max="32" width="4.125" style="2" bestFit="1" customWidth="1"/>
    <col min="33" max="33" width="3.5" style="2" customWidth="1"/>
    <col min="34" max="34" width="4" style="2" customWidth="1"/>
    <col min="35" max="35" width="4.125" style="2" customWidth="1"/>
    <col min="36" max="37" width="4.125" style="2" bestFit="1" customWidth="1"/>
    <col min="38" max="40" width="3.125" style="2" customWidth="1"/>
    <col min="41" max="42" width="3.875" style="2" customWidth="1"/>
    <col min="43" max="43" width="3.625" style="2" customWidth="1"/>
    <col min="44" max="16384" width="9" style="2"/>
  </cols>
  <sheetData>
    <row r="1" spans="1:43" ht="18.75" customHeight="1" thickBot="1">
      <c r="A1" s="1" t="s">
        <v>18</v>
      </c>
      <c r="L1" s="9" t="s">
        <v>6</v>
      </c>
      <c r="AQ1" s="3" t="s">
        <v>0</v>
      </c>
    </row>
    <row r="2" spans="1:43">
      <c r="A2" s="42" t="s">
        <v>20</v>
      </c>
      <c r="B2" s="43"/>
      <c r="C2" s="10"/>
      <c r="D2" s="11"/>
      <c r="E2" s="11"/>
      <c r="F2" s="11"/>
      <c r="G2" s="11"/>
      <c r="H2" s="11"/>
      <c r="I2" s="11"/>
      <c r="J2" s="10" t="s">
        <v>14</v>
      </c>
      <c r="K2" s="11"/>
      <c r="L2" s="11"/>
      <c r="M2" s="11"/>
      <c r="N2" s="11"/>
      <c r="O2" s="11"/>
      <c r="P2" s="11"/>
      <c r="Q2" s="11"/>
      <c r="R2" s="11"/>
      <c r="S2" s="11"/>
      <c r="T2" s="11"/>
      <c r="U2" s="4"/>
      <c r="V2" s="48" t="s">
        <v>8</v>
      </c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9"/>
    </row>
    <row r="3" spans="1:43">
      <c r="A3" s="44"/>
      <c r="B3" s="45"/>
      <c r="C3" s="27" t="s">
        <v>1</v>
      </c>
      <c r="D3" s="27"/>
      <c r="E3" s="27"/>
      <c r="F3" s="27" t="s">
        <v>11</v>
      </c>
      <c r="G3" s="27"/>
      <c r="H3" s="27"/>
      <c r="I3" s="27"/>
      <c r="J3" s="27"/>
      <c r="K3" s="27"/>
      <c r="L3" s="27"/>
      <c r="M3" s="27"/>
      <c r="N3" s="27"/>
      <c r="O3" s="27"/>
      <c r="P3" s="26" t="s">
        <v>12</v>
      </c>
      <c r="Q3" s="27"/>
      <c r="R3" s="29"/>
      <c r="S3" s="36" t="s">
        <v>15</v>
      </c>
      <c r="T3" s="37"/>
      <c r="U3" s="38"/>
      <c r="V3" s="26" t="s">
        <v>1</v>
      </c>
      <c r="W3" s="26"/>
      <c r="X3" s="26"/>
      <c r="Y3" s="26"/>
      <c r="Z3" s="29" t="s">
        <v>11</v>
      </c>
      <c r="AA3" s="30"/>
      <c r="AB3" s="30"/>
      <c r="AC3" s="30"/>
      <c r="AD3" s="30"/>
      <c r="AE3" s="30"/>
      <c r="AF3" s="30"/>
      <c r="AG3" s="30"/>
      <c r="AH3" s="30"/>
      <c r="AI3" s="30"/>
      <c r="AJ3" s="30"/>
      <c r="AK3" s="31"/>
      <c r="AL3" s="26" t="s">
        <v>12</v>
      </c>
      <c r="AM3" s="27"/>
      <c r="AN3" s="27"/>
      <c r="AO3" s="33" t="s">
        <v>16</v>
      </c>
      <c r="AP3" s="34"/>
      <c r="AQ3" s="35"/>
    </row>
    <row r="4" spans="1:43">
      <c r="A4" s="44"/>
      <c r="B4" s="45"/>
      <c r="C4" s="27"/>
      <c r="D4" s="27"/>
      <c r="E4" s="27"/>
      <c r="F4" s="27" t="s">
        <v>5</v>
      </c>
      <c r="G4" s="27"/>
      <c r="H4" s="27"/>
      <c r="I4" s="27"/>
      <c r="J4" s="27" t="s">
        <v>9</v>
      </c>
      <c r="K4" s="27"/>
      <c r="L4" s="27"/>
      <c r="M4" s="27" t="s">
        <v>10</v>
      </c>
      <c r="N4" s="27"/>
      <c r="O4" s="27"/>
      <c r="P4" s="27"/>
      <c r="Q4" s="27"/>
      <c r="R4" s="29"/>
      <c r="S4" s="39"/>
      <c r="T4" s="40"/>
      <c r="U4" s="41"/>
      <c r="V4" s="26"/>
      <c r="W4" s="26"/>
      <c r="X4" s="26"/>
      <c r="Y4" s="26"/>
      <c r="Z4" s="27" t="s">
        <v>5</v>
      </c>
      <c r="AA4" s="27"/>
      <c r="AB4" s="27"/>
      <c r="AC4" s="27" t="s">
        <v>9</v>
      </c>
      <c r="AD4" s="27"/>
      <c r="AE4" s="27"/>
      <c r="AF4" s="27" t="s">
        <v>13</v>
      </c>
      <c r="AG4" s="27"/>
      <c r="AH4" s="29"/>
      <c r="AI4" s="29" t="s">
        <v>17</v>
      </c>
      <c r="AJ4" s="30"/>
      <c r="AK4" s="31"/>
      <c r="AL4" s="27"/>
      <c r="AM4" s="27"/>
      <c r="AN4" s="27"/>
      <c r="AO4" s="34"/>
      <c r="AP4" s="34"/>
      <c r="AQ4" s="35"/>
    </row>
    <row r="5" spans="1:43">
      <c r="A5" s="46"/>
      <c r="B5" s="47"/>
      <c r="C5" s="6" t="s">
        <v>5</v>
      </c>
      <c r="D5" s="6" t="s">
        <v>2</v>
      </c>
      <c r="E5" s="6" t="s">
        <v>3</v>
      </c>
      <c r="F5" s="6" t="s">
        <v>5</v>
      </c>
      <c r="G5" s="6" t="s">
        <v>2</v>
      </c>
      <c r="H5" s="6" t="s">
        <v>3</v>
      </c>
      <c r="I5" s="6" t="s">
        <v>7</v>
      </c>
      <c r="J5" s="6" t="s">
        <v>5</v>
      </c>
      <c r="K5" s="6" t="s">
        <v>2</v>
      </c>
      <c r="L5" s="6" t="s">
        <v>3</v>
      </c>
      <c r="M5" s="6" t="s">
        <v>5</v>
      </c>
      <c r="N5" s="6" t="s">
        <v>2</v>
      </c>
      <c r="O5" s="6" t="s">
        <v>3</v>
      </c>
      <c r="P5" s="6" t="s">
        <v>5</v>
      </c>
      <c r="Q5" s="6" t="s">
        <v>2</v>
      </c>
      <c r="R5" s="6" t="s">
        <v>3</v>
      </c>
      <c r="S5" s="5" t="s">
        <v>5</v>
      </c>
      <c r="T5" s="6" t="s">
        <v>2</v>
      </c>
      <c r="U5" s="6" t="s">
        <v>3</v>
      </c>
      <c r="V5" s="6" t="s">
        <v>5</v>
      </c>
      <c r="W5" s="6" t="s">
        <v>2</v>
      </c>
      <c r="X5" s="6" t="s">
        <v>3</v>
      </c>
      <c r="Y5" s="6" t="s">
        <v>7</v>
      </c>
      <c r="Z5" s="6" t="s">
        <v>5</v>
      </c>
      <c r="AA5" s="6" t="s">
        <v>2</v>
      </c>
      <c r="AB5" s="6" t="s">
        <v>3</v>
      </c>
      <c r="AC5" s="6" t="s">
        <v>5</v>
      </c>
      <c r="AD5" s="6" t="s">
        <v>2</v>
      </c>
      <c r="AE5" s="6" t="s">
        <v>3</v>
      </c>
      <c r="AF5" s="6" t="s">
        <v>5</v>
      </c>
      <c r="AG5" s="6" t="s">
        <v>2</v>
      </c>
      <c r="AH5" s="6" t="s">
        <v>3</v>
      </c>
      <c r="AI5" s="6" t="s">
        <v>5</v>
      </c>
      <c r="AJ5" s="6" t="s">
        <v>2</v>
      </c>
      <c r="AK5" s="6" t="s">
        <v>3</v>
      </c>
      <c r="AL5" s="6" t="s">
        <v>5</v>
      </c>
      <c r="AM5" s="6" t="s">
        <v>2</v>
      </c>
      <c r="AN5" s="6" t="s">
        <v>3</v>
      </c>
      <c r="AO5" s="6" t="s">
        <v>5</v>
      </c>
      <c r="AP5" s="6" t="s">
        <v>2</v>
      </c>
      <c r="AQ5" s="7" t="s">
        <v>3</v>
      </c>
    </row>
    <row r="6" spans="1:43" ht="34.5" customHeight="1">
      <c r="A6" s="25" t="s">
        <v>19</v>
      </c>
      <c r="B6" s="25"/>
      <c r="C6" s="19">
        <v>1271</v>
      </c>
      <c r="D6" s="19">
        <v>652</v>
      </c>
      <c r="E6" s="19">
        <v>619</v>
      </c>
      <c r="F6" s="19">
        <v>1252</v>
      </c>
      <c r="G6" s="19">
        <v>638</v>
      </c>
      <c r="H6" s="19">
        <v>614</v>
      </c>
      <c r="I6" s="17">
        <f t="shared" ref="I6:I11" si="0">F6/C6*100</f>
        <v>98.505114083398908</v>
      </c>
      <c r="J6" s="19">
        <v>1244</v>
      </c>
      <c r="K6" s="19">
        <v>633</v>
      </c>
      <c r="L6" s="19">
        <v>611</v>
      </c>
      <c r="M6" s="19">
        <v>8</v>
      </c>
      <c r="N6" s="19">
        <v>5</v>
      </c>
      <c r="O6" s="19">
        <v>3</v>
      </c>
      <c r="P6" s="19">
        <v>9</v>
      </c>
      <c r="Q6" s="19">
        <v>8</v>
      </c>
      <c r="R6" s="19">
        <v>1</v>
      </c>
      <c r="S6" s="19">
        <v>10</v>
      </c>
      <c r="T6" s="19">
        <v>6</v>
      </c>
      <c r="U6" s="19">
        <v>4</v>
      </c>
      <c r="V6" s="19">
        <v>1273</v>
      </c>
      <c r="W6" s="19">
        <v>652</v>
      </c>
      <c r="X6" s="19">
        <v>621</v>
      </c>
      <c r="Y6" s="18">
        <f t="shared" ref="Y6:Y13" si="1">V6/C6*100</f>
        <v>100.15735641227378</v>
      </c>
      <c r="Z6" s="19">
        <v>1244</v>
      </c>
      <c r="AA6" s="19">
        <v>634</v>
      </c>
      <c r="AB6" s="19">
        <v>610</v>
      </c>
      <c r="AC6" s="19">
        <v>1237</v>
      </c>
      <c r="AD6" s="19">
        <v>629</v>
      </c>
      <c r="AE6" s="19">
        <v>608</v>
      </c>
      <c r="AF6" s="19">
        <v>7</v>
      </c>
      <c r="AG6" s="19">
        <v>5</v>
      </c>
      <c r="AH6" s="19">
        <v>2</v>
      </c>
      <c r="AI6" s="19">
        <v>10</v>
      </c>
      <c r="AJ6" s="19">
        <v>4</v>
      </c>
      <c r="AK6" s="19">
        <v>6</v>
      </c>
      <c r="AL6" s="19">
        <v>9</v>
      </c>
      <c r="AM6" s="19">
        <v>8</v>
      </c>
      <c r="AN6" s="19">
        <v>1</v>
      </c>
      <c r="AO6" s="19">
        <v>10</v>
      </c>
      <c r="AP6" s="19">
        <v>6</v>
      </c>
      <c r="AQ6" s="19">
        <v>4</v>
      </c>
    </row>
    <row r="7" spans="1:43" ht="34.5" customHeight="1">
      <c r="A7" s="25">
        <v>15</v>
      </c>
      <c r="B7" s="25"/>
      <c r="C7" s="19">
        <v>1228</v>
      </c>
      <c r="D7" s="19">
        <v>640</v>
      </c>
      <c r="E7" s="19">
        <v>588</v>
      </c>
      <c r="F7" s="19">
        <v>1219</v>
      </c>
      <c r="G7" s="19">
        <v>634</v>
      </c>
      <c r="H7" s="19">
        <v>585</v>
      </c>
      <c r="I7" s="17">
        <f t="shared" si="0"/>
        <v>99.267100977198695</v>
      </c>
      <c r="J7" s="19">
        <v>1209</v>
      </c>
      <c r="K7" s="19">
        <v>631</v>
      </c>
      <c r="L7" s="19">
        <v>578</v>
      </c>
      <c r="M7" s="19">
        <v>10</v>
      </c>
      <c r="N7" s="19">
        <v>3</v>
      </c>
      <c r="O7" s="19">
        <v>7</v>
      </c>
      <c r="P7" s="19">
        <v>0</v>
      </c>
      <c r="Q7" s="19">
        <v>0</v>
      </c>
      <c r="R7" s="19">
        <v>0</v>
      </c>
      <c r="S7" s="19">
        <v>9</v>
      </c>
      <c r="T7" s="19">
        <v>6</v>
      </c>
      <c r="U7" s="19">
        <v>3</v>
      </c>
      <c r="V7" s="19">
        <v>1227</v>
      </c>
      <c r="W7" s="19">
        <v>639</v>
      </c>
      <c r="X7" s="19">
        <v>588</v>
      </c>
      <c r="Y7" s="18">
        <f t="shared" si="1"/>
        <v>99.918566775244301</v>
      </c>
      <c r="Z7" s="19">
        <v>1207</v>
      </c>
      <c r="AA7" s="19">
        <v>630</v>
      </c>
      <c r="AB7" s="19">
        <v>577</v>
      </c>
      <c r="AC7" s="19">
        <v>1197</v>
      </c>
      <c r="AD7" s="19">
        <v>627</v>
      </c>
      <c r="AE7" s="19">
        <v>570</v>
      </c>
      <c r="AF7" s="19">
        <v>10</v>
      </c>
      <c r="AG7" s="19">
        <v>3</v>
      </c>
      <c r="AH7" s="19">
        <v>7</v>
      </c>
      <c r="AI7" s="19">
        <v>11</v>
      </c>
      <c r="AJ7" s="19">
        <v>3</v>
      </c>
      <c r="AK7" s="19">
        <v>8</v>
      </c>
      <c r="AL7" s="19">
        <v>0</v>
      </c>
      <c r="AM7" s="19">
        <v>0</v>
      </c>
      <c r="AN7" s="19">
        <v>0</v>
      </c>
      <c r="AO7" s="19">
        <v>9</v>
      </c>
      <c r="AP7" s="19">
        <v>6</v>
      </c>
      <c r="AQ7" s="19">
        <v>3</v>
      </c>
    </row>
    <row r="8" spans="1:43" ht="34.5" customHeight="1">
      <c r="A8" s="25">
        <v>16</v>
      </c>
      <c r="B8" s="25"/>
      <c r="C8" s="19">
        <v>1159</v>
      </c>
      <c r="D8" s="19">
        <v>582</v>
      </c>
      <c r="E8" s="19">
        <v>577</v>
      </c>
      <c r="F8" s="19">
        <v>1150</v>
      </c>
      <c r="G8" s="19">
        <v>576</v>
      </c>
      <c r="H8" s="19">
        <v>574</v>
      </c>
      <c r="I8" s="17">
        <f t="shared" si="0"/>
        <v>99.223468507333905</v>
      </c>
      <c r="J8" s="19">
        <v>1138</v>
      </c>
      <c r="K8" s="19">
        <v>572</v>
      </c>
      <c r="L8" s="19">
        <v>566</v>
      </c>
      <c r="M8" s="19">
        <v>12</v>
      </c>
      <c r="N8" s="19">
        <v>4</v>
      </c>
      <c r="O8" s="19">
        <v>8</v>
      </c>
      <c r="P8" s="19">
        <v>5</v>
      </c>
      <c r="Q8" s="19">
        <v>4</v>
      </c>
      <c r="R8" s="19">
        <v>1</v>
      </c>
      <c r="S8" s="19">
        <v>4</v>
      </c>
      <c r="T8" s="19">
        <v>2</v>
      </c>
      <c r="U8" s="19">
        <v>2</v>
      </c>
      <c r="V8" s="19">
        <v>1188</v>
      </c>
      <c r="W8" s="19">
        <v>597</v>
      </c>
      <c r="X8" s="19">
        <v>591</v>
      </c>
      <c r="Y8" s="18">
        <f t="shared" si="1"/>
        <v>102.50215703192407</v>
      </c>
      <c r="Z8" s="19">
        <v>1163</v>
      </c>
      <c r="AA8" s="19">
        <v>582</v>
      </c>
      <c r="AB8" s="19">
        <v>581</v>
      </c>
      <c r="AC8" s="19">
        <v>1151</v>
      </c>
      <c r="AD8" s="19">
        <v>578</v>
      </c>
      <c r="AE8" s="19">
        <v>573</v>
      </c>
      <c r="AF8" s="19">
        <v>12</v>
      </c>
      <c r="AG8" s="19">
        <v>4</v>
      </c>
      <c r="AH8" s="19">
        <v>8</v>
      </c>
      <c r="AI8" s="19">
        <v>13</v>
      </c>
      <c r="AJ8" s="19">
        <v>6</v>
      </c>
      <c r="AK8" s="19">
        <v>7</v>
      </c>
      <c r="AL8" s="19">
        <v>8</v>
      </c>
      <c r="AM8" s="19">
        <v>7</v>
      </c>
      <c r="AN8" s="19">
        <v>1</v>
      </c>
      <c r="AO8" s="19">
        <v>4</v>
      </c>
      <c r="AP8" s="19">
        <v>2</v>
      </c>
      <c r="AQ8" s="19">
        <v>2</v>
      </c>
    </row>
    <row r="9" spans="1:43" ht="34.5" customHeight="1">
      <c r="A9" s="25">
        <v>17</v>
      </c>
      <c r="B9" s="28"/>
      <c r="C9" s="20">
        <v>1139</v>
      </c>
      <c r="D9" s="19">
        <v>614</v>
      </c>
      <c r="E9" s="19">
        <v>525</v>
      </c>
      <c r="F9" s="19">
        <v>1124</v>
      </c>
      <c r="G9" s="19">
        <v>601</v>
      </c>
      <c r="H9" s="19">
        <v>523</v>
      </c>
      <c r="I9" s="17">
        <f t="shared" si="0"/>
        <v>98.68305531167691</v>
      </c>
      <c r="J9" s="19">
        <v>1111</v>
      </c>
      <c r="K9" s="19">
        <v>591</v>
      </c>
      <c r="L9" s="19">
        <v>520</v>
      </c>
      <c r="M9" s="19">
        <v>13</v>
      </c>
      <c r="N9" s="19">
        <v>10</v>
      </c>
      <c r="O9" s="19">
        <v>3</v>
      </c>
      <c r="P9" s="19">
        <v>4</v>
      </c>
      <c r="Q9" s="19">
        <v>4</v>
      </c>
      <c r="R9" s="19">
        <v>0</v>
      </c>
      <c r="S9" s="19">
        <v>11</v>
      </c>
      <c r="T9" s="14">
        <v>9</v>
      </c>
      <c r="U9" s="14">
        <v>2</v>
      </c>
      <c r="V9" s="21">
        <v>1140</v>
      </c>
      <c r="W9" s="21">
        <v>613</v>
      </c>
      <c r="X9" s="21">
        <v>527</v>
      </c>
      <c r="Y9" s="18">
        <f t="shared" si="1"/>
        <v>100.08779631255487</v>
      </c>
      <c r="Z9" s="21">
        <v>1125</v>
      </c>
      <c r="AA9" s="21">
        <v>600</v>
      </c>
      <c r="AB9" s="21">
        <v>525</v>
      </c>
      <c r="AC9" s="19">
        <v>1101</v>
      </c>
      <c r="AD9" s="14">
        <v>583</v>
      </c>
      <c r="AE9" s="14">
        <v>518</v>
      </c>
      <c r="AF9" s="19">
        <v>11</v>
      </c>
      <c r="AG9" s="14">
        <v>9</v>
      </c>
      <c r="AH9" s="14">
        <v>2</v>
      </c>
      <c r="AI9" s="14">
        <v>13</v>
      </c>
      <c r="AJ9" s="14">
        <v>8</v>
      </c>
      <c r="AK9" s="14">
        <v>5</v>
      </c>
      <c r="AL9" s="19">
        <v>4</v>
      </c>
      <c r="AM9" s="14">
        <v>4</v>
      </c>
      <c r="AN9" s="14">
        <v>0</v>
      </c>
      <c r="AO9" s="19">
        <v>11</v>
      </c>
      <c r="AP9" s="14">
        <v>9</v>
      </c>
      <c r="AQ9" s="14">
        <v>2</v>
      </c>
    </row>
    <row r="10" spans="1:43" ht="34.5" customHeight="1">
      <c r="A10" s="25">
        <v>18</v>
      </c>
      <c r="B10" s="28"/>
      <c r="C10" s="20">
        <v>1121</v>
      </c>
      <c r="D10" s="19">
        <v>550</v>
      </c>
      <c r="E10" s="19">
        <v>571</v>
      </c>
      <c r="F10" s="19">
        <v>1104</v>
      </c>
      <c r="G10" s="19">
        <v>541</v>
      </c>
      <c r="H10" s="19">
        <v>563</v>
      </c>
      <c r="I10" s="17">
        <f t="shared" si="0"/>
        <v>98.483496877787687</v>
      </c>
      <c r="J10" s="19">
        <v>1083</v>
      </c>
      <c r="K10" s="19">
        <v>531</v>
      </c>
      <c r="L10" s="19">
        <v>552</v>
      </c>
      <c r="M10" s="19">
        <v>21</v>
      </c>
      <c r="N10" s="19">
        <v>10</v>
      </c>
      <c r="O10" s="19">
        <v>11</v>
      </c>
      <c r="P10" s="19">
        <v>7</v>
      </c>
      <c r="Q10" s="19">
        <v>6</v>
      </c>
      <c r="R10" s="19">
        <v>1</v>
      </c>
      <c r="S10" s="19">
        <v>10</v>
      </c>
      <c r="T10" s="14">
        <v>3</v>
      </c>
      <c r="U10" s="14">
        <v>7</v>
      </c>
      <c r="V10" s="21">
        <v>1129</v>
      </c>
      <c r="W10" s="21">
        <v>555</v>
      </c>
      <c r="X10" s="21">
        <v>574</v>
      </c>
      <c r="Y10" s="18">
        <f t="shared" si="1"/>
        <v>100.71364852809992</v>
      </c>
      <c r="Z10" s="21">
        <v>1112</v>
      </c>
      <c r="AA10" s="21">
        <v>546</v>
      </c>
      <c r="AB10" s="21">
        <v>566</v>
      </c>
      <c r="AC10" s="19">
        <v>1080</v>
      </c>
      <c r="AD10" s="14">
        <v>531</v>
      </c>
      <c r="AE10" s="14">
        <v>549</v>
      </c>
      <c r="AF10" s="19">
        <v>17</v>
      </c>
      <c r="AG10" s="14">
        <v>7</v>
      </c>
      <c r="AH10" s="14">
        <v>10</v>
      </c>
      <c r="AI10" s="14">
        <v>15</v>
      </c>
      <c r="AJ10" s="14">
        <v>8</v>
      </c>
      <c r="AK10" s="14">
        <v>7</v>
      </c>
      <c r="AL10" s="19">
        <v>7</v>
      </c>
      <c r="AM10" s="14">
        <v>6</v>
      </c>
      <c r="AN10" s="14">
        <v>1</v>
      </c>
      <c r="AO10" s="19">
        <v>10</v>
      </c>
      <c r="AP10" s="14">
        <v>3</v>
      </c>
      <c r="AQ10" s="14">
        <v>7</v>
      </c>
    </row>
    <row r="11" spans="1:43" ht="34.5" customHeight="1">
      <c r="A11" s="24">
        <v>19</v>
      </c>
      <c r="B11" s="32"/>
      <c r="C11" s="20">
        <v>1106</v>
      </c>
      <c r="D11" s="19">
        <v>554</v>
      </c>
      <c r="E11" s="19">
        <v>552</v>
      </c>
      <c r="F11" s="19">
        <v>1097</v>
      </c>
      <c r="G11" s="19">
        <v>546</v>
      </c>
      <c r="H11" s="19">
        <v>551</v>
      </c>
      <c r="I11" s="17">
        <f t="shared" si="0"/>
        <v>99.186256781193492</v>
      </c>
      <c r="J11" s="19">
        <v>1083</v>
      </c>
      <c r="K11" s="19">
        <v>539</v>
      </c>
      <c r="L11" s="19">
        <v>544</v>
      </c>
      <c r="M11" s="19">
        <v>14</v>
      </c>
      <c r="N11" s="19">
        <v>7</v>
      </c>
      <c r="O11" s="19">
        <v>7</v>
      </c>
      <c r="P11" s="19">
        <v>6</v>
      </c>
      <c r="Q11" s="19">
        <v>6</v>
      </c>
      <c r="R11" s="19">
        <v>0</v>
      </c>
      <c r="S11" s="19">
        <v>3</v>
      </c>
      <c r="T11" s="14">
        <v>2</v>
      </c>
      <c r="U11" s="14">
        <v>1</v>
      </c>
      <c r="V11" s="21">
        <v>1112</v>
      </c>
      <c r="W11" s="21">
        <v>555</v>
      </c>
      <c r="X11" s="21">
        <v>557</v>
      </c>
      <c r="Y11" s="18">
        <f t="shared" si="1"/>
        <v>100.54249547920433</v>
      </c>
      <c r="Z11" s="21">
        <v>1103</v>
      </c>
      <c r="AA11" s="21">
        <v>547</v>
      </c>
      <c r="AB11" s="21">
        <v>556</v>
      </c>
      <c r="AC11" s="19">
        <v>1080</v>
      </c>
      <c r="AD11" s="14">
        <v>537</v>
      </c>
      <c r="AE11" s="14">
        <v>543</v>
      </c>
      <c r="AF11" s="19">
        <v>12</v>
      </c>
      <c r="AG11" s="14">
        <v>5</v>
      </c>
      <c r="AH11" s="14">
        <v>7</v>
      </c>
      <c r="AI11" s="14">
        <v>11</v>
      </c>
      <c r="AJ11" s="14">
        <v>5</v>
      </c>
      <c r="AK11" s="14">
        <v>6</v>
      </c>
      <c r="AL11" s="19">
        <v>6</v>
      </c>
      <c r="AM11" s="14">
        <v>6</v>
      </c>
      <c r="AN11" s="14">
        <v>0</v>
      </c>
      <c r="AO11" s="19">
        <v>3</v>
      </c>
      <c r="AP11" s="14">
        <v>2</v>
      </c>
      <c r="AQ11" s="14">
        <v>1</v>
      </c>
    </row>
    <row r="12" spans="1:43" ht="34.5" customHeight="1">
      <c r="A12" s="25">
        <v>20</v>
      </c>
      <c r="B12" s="28"/>
      <c r="C12" s="20">
        <v>1114</v>
      </c>
      <c r="D12" s="19">
        <v>573</v>
      </c>
      <c r="E12" s="19">
        <v>541</v>
      </c>
      <c r="F12" s="19">
        <v>1096</v>
      </c>
      <c r="G12" s="19">
        <v>561</v>
      </c>
      <c r="H12" s="19">
        <v>535</v>
      </c>
      <c r="I12" s="17">
        <f t="shared" ref="I12:I20" si="2">F12/C12*100</f>
        <v>98.384201077199279</v>
      </c>
      <c r="J12" s="19">
        <v>1079</v>
      </c>
      <c r="K12" s="19">
        <v>557</v>
      </c>
      <c r="L12" s="19">
        <v>522</v>
      </c>
      <c r="M12" s="19">
        <v>17</v>
      </c>
      <c r="N12" s="19">
        <v>4</v>
      </c>
      <c r="O12" s="19">
        <v>13</v>
      </c>
      <c r="P12" s="19">
        <v>4</v>
      </c>
      <c r="Q12" s="19">
        <v>4</v>
      </c>
      <c r="R12" s="14">
        <v>0</v>
      </c>
      <c r="S12" s="19">
        <v>14</v>
      </c>
      <c r="T12" s="14">
        <v>8</v>
      </c>
      <c r="U12" s="14">
        <v>6</v>
      </c>
      <c r="V12" s="21">
        <v>1126</v>
      </c>
      <c r="W12" s="21">
        <v>579</v>
      </c>
      <c r="X12" s="21">
        <v>547</v>
      </c>
      <c r="Y12" s="18">
        <f t="shared" si="1"/>
        <v>101.07719928186714</v>
      </c>
      <c r="Z12" s="21">
        <v>1108</v>
      </c>
      <c r="AA12" s="21">
        <v>567</v>
      </c>
      <c r="AB12" s="21">
        <v>541</v>
      </c>
      <c r="AC12" s="19">
        <v>1079</v>
      </c>
      <c r="AD12" s="14">
        <v>557</v>
      </c>
      <c r="AE12" s="14">
        <v>522</v>
      </c>
      <c r="AF12" s="19">
        <v>17</v>
      </c>
      <c r="AG12" s="14">
        <v>4</v>
      </c>
      <c r="AH12" s="14">
        <v>13</v>
      </c>
      <c r="AI12" s="14">
        <v>12</v>
      </c>
      <c r="AJ12" s="14">
        <v>6</v>
      </c>
      <c r="AK12" s="14">
        <v>6</v>
      </c>
      <c r="AL12" s="19">
        <v>4</v>
      </c>
      <c r="AM12" s="14">
        <v>4</v>
      </c>
      <c r="AN12" s="14">
        <v>0</v>
      </c>
      <c r="AO12" s="19">
        <v>14</v>
      </c>
      <c r="AP12" s="14">
        <v>8</v>
      </c>
      <c r="AQ12" s="14">
        <v>6</v>
      </c>
    </row>
    <row r="13" spans="1:43" s="12" customFormat="1" ht="34.5" customHeight="1">
      <c r="A13" s="24">
        <v>21</v>
      </c>
      <c r="B13" s="25"/>
      <c r="C13" s="20">
        <v>1081</v>
      </c>
      <c r="D13" s="19">
        <v>580</v>
      </c>
      <c r="E13" s="19">
        <v>501</v>
      </c>
      <c r="F13" s="14">
        <v>1064</v>
      </c>
      <c r="G13" s="14">
        <v>571</v>
      </c>
      <c r="H13" s="14">
        <v>493</v>
      </c>
      <c r="I13" s="17">
        <f t="shared" si="2"/>
        <v>98.427382053654028</v>
      </c>
      <c r="J13" s="14">
        <v>1052</v>
      </c>
      <c r="K13" s="14">
        <v>562</v>
      </c>
      <c r="L13" s="14">
        <v>490</v>
      </c>
      <c r="M13" s="14">
        <v>12</v>
      </c>
      <c r="N13" s="14">
        <v>9</v>
      </c>
      <c r="O13" s="14">
        <v>3</v>
      </c>
      <c r="P13" s="14">
        <v>6</v>
      </c>
      <c r="Q13" s="14">
        <v>6</v>
      </c>
      <c r="R13" s="14">
        <v>0</v>
      </c>
      <c r="S13" s="14">
        <v>11</v>
      </c>
      <c r="T13" s="14">
        <v>3</v>
      </c>
      <c r="U13" s="14">
        <v>8</v>
      </c>
      <c r="V13" s="21">
        <v>1091</v>
      </c>
      <c r="W13" s="21">
        <v>587</v>
      </c>
      <c r="X13" s="21">
        <v>504</v>
      </c>
      <c r="Y13" s="18">
        <f t="shared" si="1"/>
        <v>100.92506938020351</v>
      </c>
      <c r="Z13" s="14">
        <v>1074</v>
      </c>
      <c r="AA13" s="14">
        <v>578</v>
      </c>
      <c r="AB13" s="14">
        <v>496</v>
      </c>
      <c r="AC13" s="22">
        <v>1052</v>
      </c>
      <c r="AD13" s="14">
        <v>562</v>
      </c>
      <c r="AE13" s="14">
        <v>490</v>
      </c>
      <c r="AF13" s="14">
        <v>12</v>
      </c>
      <c r="AG13" s="14">
        <v>9</v>
      </c>
      <c r="AH13" s="14">
        <v>3</v>
      </c>
      <c r="AI13" s="14">
        <v>10</v>
      </c>
      <c r="AJ13" s="14">
        <v>7</v>
      </c>
      <c r="AK13" s="14">
        <v>3</v>
      </c>
      <c r="AL13" s="14">
        <v>6</v>
      </c>
      <c r="AM13" s="14">
        <v>6</v>
      </c>
      <c r="AN13" s="14">
        <v>0</v>
      </c>
      <c r="AO13" s="14">
        <v>11</v>
      </c>
      <c r="AP13" s="14">
        <v>3</v>
      </c>
      <c r="AQ13" s="14">
        <v>8</v>
      </c>
    </row>
    <row r="14" spans="1:43" s="13" customFormat="1" ht="34.5" customHeight="1">
      <c r="A14" s="24">
        <v>22</v>
      </c>
      <c r="B14" s="25"/>
      <c r="C14" s="20">
        <v>1097</v>
      </c>
      <c r="D14" s="19">
        <v>582</v>
      </c>
      <c r="E14" s="19">
        <v>515</v>
      </c>
      <c r="F14" s="23">
        <v>1090</v>
      </c>
      <c r="G14" s="15">
        <v>577</v>
      </c>
      <c r="H14" s="15">
        <v>513</v>
      </c>
      <c r="I14" s="17">
        <f t="shared" si="2"/>
        <v>99.361896080218784</v>
      </c>
      <c r="J14" s="23">
        <v>1078</v>
      </c>
      <c r="K14" s="15">
        <v>569</v>
      </c>
      <c r="L14" s="15">
        <v>509</v>
      </c>
      <c r="M14" s="15">
        <v>12</v>
      </c>
      <c r="N14" s="15">
        <v>8</v>
      </c>
      <c r="O14" s="15">
        <v>4</v>
      </c>
      <c r="P14" s="15">
        <v>3</v>
      </c>
      <c r="Q14" s="15">
        <v>2</v>
      </c>
      <c r="R14" s="15">
        <v>1</v>
      </c>
      <c r="S14" s="15">
        <v>4</v>
      </c>
      <c r="T14" s="15">
        <v>3</v>
      </c>
      <c r="U14" s="15">
        <v>1</v>
      </c>
      <c r="V14" s="21">
        <v>1106</v>
      </c>
      <c r="W14" s="21">
        <v>586</v>
      </c>
      <c r="X14" s="21">
        <v>520</v>
      </c>
      <c r="Y14" s="18">
        <f t="shared" ref="Y14:Y19" si="3">V14/C14*100</f>
        <v>100.82041932543299</v>
      </c>
      <c r="Z14" s="15">
        <v>1099</v>
      </c>
      <c r="AA14" s="15">
        <v>581</v>
      </c>
      <c r="AB14" s="15">
        <v>518</v>
      </c>
      <c r="AC14" s="15">
        <v>1071</v>
      </c>
      <c r="AD14" s="15">
        <v>562</v>
      </c>
      <c r="AE14" s="15">
        <v>509</v>
      </c>
      <c r="AF14" s="15">
        <v>12</v>
      </c>
      <c r="AG14" s="15">
        <v>8</v>
      </c>
      <c r="AH14" s="15">
        <v>4</v>
      </c>
      <c r="AI14" s="15">
        <v>16</v>
      </c>
      <c r="AJ14" s="15">
        <v>11</v>
      </c>
      <c r="AK14" s="15">
        <v>5</v>
      </c>
      <c r="AL14" s="15">
        <v>3</v>
      </c>
      <c r="AM14" s="15">
        <v>2</v>
      </c>
      <c r="AN14" s="15">
        <v>1</v>
      </c>
      <c r="AO14" s="15">
        <v>4</v>
      </c>
      <c r="AP14" s="15">
        <v>3</v>
      </c>
      <c r="AQ14" s="15">
        <v>1</v>
      </c>
    </row>
    <row r="15" spans="1:43" s="13" customFormat="1" ht="34.5" customHeight="1">
      <c r="A15" s="24">
        <v>23</v>
      </c>
      <c r="B15" s="25"/>
      <c r="C15" s="20">
        <v>1111</v>
      </c>
      <c r="D15" s="19">
        <v>518</v>
      </c>
      <c r="E15" s="19">
        <v>593</v>
      </c>
      <c r="F15" s="23">
        <v>1099</v>
      </c>
      <c r="G15" s="15">
        <v>511</v>
      </c>
      <c r="H15" s="15">
        <v>588</v>
      </c>
      <c r="I15" s="17">
        <f t="shared" si="2"/>
        <v>98.919891989198916</v>
      </c>
      <c r="J15" s="23">
        <v>1080</v>
      </c>
      <c r="K15" s="15">
        <v>504</v>
      </c>
      <c r="L15" s="15">
        <v>576</v>
      </c>
      <c r="M15" s="15">
        <v>19</v>
      </c>
      <c r="N15" s="15">
        <v>7</v>
      </c>
      <c r="O15" s="15">
        <v>12</v>
      </c>
      <c r="P15" s="15">
        <v>2</v>
      </c>
      <c r="Q15" s="15">
        <v>1</v>
      </c>
      <c r="R15" s="15">
        <v>1</v>
      </c>
      <c r="S15" s="15">
        <v>10</v>
      </c>
      <c r="T15" s="15">
        <v>6</v>
      </c>
      <c r="U15" s="15">
        <v>4</v>
      </c>
      <c r="V15" s="21">
        <v>1113</v>
      </c>
      <c r="W15" s="21">
        <v>520</v>
      </c>
      <c r="X15" s="21">
        <v>593</v>
      </c>
      <c r="Y15" s="18">
        <f t="shared" si="3"/>
        <v>100.18001800180019</v>
      </c>
      <c r="Z15" s="15">
        <v>1101</v>
      </c>
      <c r="AA15" s="15">
        <v>513</v>
      </c>
      <c r="AB15" s="15">
        <v>588</v>
      </c>
      <c r="AC15" s="15">
        <v>1076</v>
      </c>
      <c r="AD15" s="15">
        <v>503</v>
      </c>
      <c r="AE15" s="15">
        <v>573</v>
      </c>
      <c r="AF15" s="15">
        <v>19</v>
      </c>
      <c r="AG15" s="15">
        <v>7</v>
      </c>
      <c r="AH15" s="15">
        <v>12</v>
      </c>
      <c r="AI15" s="15">
        <v>6</v>
      </c>
      <c r="AJ15" s="15">
        <v>3</v>
      </c>
      <c r="AK15" s="15">
        <v>3</v>
      </c>
      <c r="AL15" s="15">
        <v>2</v>
      </c>
      <c r="AM15" s="15">
        <v>1</v>
      </c>
      <c r="AN15" s="15">
        <v>1</v>
      </c>
      <c r="AO15" s="15">
        <v>10</v>
      </c>
      <c r="AP15" s="15">
        <v>6</v>
      </c>
      <c r="AQ15" s="15">
        <v>4</v>
      </c>
    </row>
    <row r="16" spans="1:43" s="13" customFormat="1" ht="34.5" customHeight="1">
      <c r="A16" s="24">
        <v>24</v>
      </c>
      <c r="B16" s="25"/>
      <c r="C16" s="20">
        <v>1144</v>
      </c>
      <c r="D16" s="19">
        <v>590</v>
      </c>
      <c r="E16" s="19">
        <v>554</v>
      </c>
      <c r="F16" s="23">
        <v>1119</v>
      </c>
      <c r="G16" s="15">
        <v>575</v>
      </c>
      <c r="H16" s="15">
        <v>544</v>
      </c>
      <c r="I16" s="17">
        <f t="shared" si="2"/>
        <v>97.814685314685306</v>
      </c>
      <c r="J16" s="23">
        <v>1107</v>
      </c>
      <c r="K16" s="15">
        <v>567</v>
      </c>
      <c r="L16" s="15">
        <v>540</v>
      </c>
      <c r="M16" s="15">
        <v>12</v>
      </c>
      <c r="N16" s="15">
        <v>8</v>
      </c>
      <c r="O16" s="15">
        <v>4</v>
      </c>
      <c r="P16" s="15">
        <v>8</v>
      </c>
      <c r="Q16" s="15">
        <v>7</v>
      </c>
      <c r="R16" s="15">
        <v>1</v>
      </c>
      <c r="S16" s="15">
        <v>17</v>
      </c>
      <c r="T16" s="15">
        <v>8</v>
      </c>
      <c r="U16" s="15">
        <v>9</v>
      </c>
      <c r="V16" s="21">
        <v>1149</v>
      </c>
      <c r="W16" s="21">
        <v>593</v>
      </c>
      <c r="X16" s="21">
        <v>556</v>
      </c>
      <c r="Y16" s="18">
        <f t="shared" si="3"/>
        <v>100.43706293706293</v>
      </c>
      <c r="Z16" s="15">
        <v>1124</v>
      </c>
      <c r="AA16" s="15">
        <v>578</v>
      </c>
      <c r="AB16" s="15">
        <v>546</v>
      </c>
      <c r="AC16" s="15">
        <v>1099</v>
      </c>
      <c r="AD16" s="15">
        <v>562</v>
      </c>
      <c r="AE16" s="15">
        <v>537</v>
      </c>
      <c r="AF16" s="15">
        <v>10</v>
      </c>
      <c r="AG16" s="15">
        <v>6</v>
      </c>
      <c r="AH16" s="15">
        <v>4</v>
      </c>
      <c r="AI16" s="15">
        <v>15</v>
      </c>
      <c r="AJ16" s="15">
        <v>10</v>
      </c>
      <c r="AK16" s="15">
        <v>5</v>
      </c>
      <c r="AL16" s="15">
        <v>8</v>
      </c>
      <c r="AM16" s="15">
        <v>7</v>
      </c>
      <c r="AN16" s="15">
        <v>1</v>
      </c>
      <c r="AO16" s="15">
        <v>17</v>
      </c>
      <c r="AP16" s="15">
        <v>8</v>
      </c>
      <c r="AQ16" s="15">
        <v>9</v>
      </c>
    </row>
    <row r="17" spans="1:43" s="13" customFormat="1" ht="34.5" customHeight="1">
      <c r="A17" s="24">
        <v>25</v>
      </c>
      <c r="B17" s="25"/>
      <c r="C17" s="20">
        <v>1084</v>
      </c>
      <c r="D17" s="19">
        <v>584</v>
      </c>
      <c r="E17" s="19">
        <v>500</v>
      </c>
      <c r="F17" s="23">
        <v>1071</v>
      </c>
      <c r="G17" s="15">
        <v>574</v>
      </c>
      <c r="H17" s="15">
        <v>497</v>
      </c>
      <c r="I17" s="17">
        <f t="shared" si="2"/>
        <v>98.800738007380076</v>
      </c>
      <c r="J17" s="23">
        <v>1054</v>
      </c>
      <c r="K17" s="15">
        <v>564</v>
      </c>
      <c r="L17" s="15">
        <v>490</v>
      </c>
      <c r="M17" s="15">
        <v>17</v>
      </c>
      <c r="N17" s="15">
        <v>10</v>
      </c>
      <c r="O17" s="15">
        <v>7</v>
      </c>
      <c r="P17" s="15">
        <v>4</v>
      </c>
      <c r="Q17" s="15">
        <v>4</v>
      </c>
      <c r="R17" s="19">
        <v>0</v>
      </c>
      <c r="S17" s="15">
        <v>9</v>
      </c>
      <c r="T17" s="15">
        <v>6</v>
      </c>
      <c r="U17" s="15">
        <v>3</v>
      </c>
      <c r="V17" s="21">
        <v>1097</v>
      </c>
      <c r="W17" s="21">
        <v>594</v>
      </c>
      <c r="X17" s="21">
        <v>503</v>
      </c>
      <c r="Y17" s="18">
        <f t="shared" si="3"/>
        <v>101.19926199261992</v>
      </c>
      <c r="Z17" s="15">
        <v>1084</v>
      </c>
      <c r="AA17" s="15">
        <v>584</v>
      </c>
      <c r="AB17" s="15">
        <v>500</v>
      </c>
      <c r="AC17" s="15">
        <v>1049</v>
      </c>
      <c r="AD17" s="15">
        <v>561</v>
      </c>
      <c r="AE17" s="15">
        <v>488</v>
      </c>
      <c r="AF17" s="15">
        <v>14</v>
      </c>
      <c r="AG17" s="15">
        <v>7</v>
      </c>
      <c r="AH17" s="15">
        <v>7</v>
      </c>
      <c r="AI17" s="15">
        <v>21</v>
      </c>
      <c r="AJ17" s="15">
        <v>16</v>
      </c>
      <c r="AK17" s="15">
        <v>5</v>
      </c>
      <c r="AL17" s="15">
        <v>4</v>
      </c>
      <c r="AM17" s="15">
        <v>4</v>
      </c>
      <c r="AN17" s="14">
        <v>0</v>
      </c>
      <c r="AO17" s="15">
        <v>9</v>
      </c>
      <c r="AP17" s="15">
        <v>6</v>
      </c>
      <c r="AQ17" s="15">
        <v>3</v>
      </c>
    </row>
    <row r="18" spans="1:43" s="13" customFormat="1" ht="34.5" customHeight="1">
      <c r="A18" s="24">
        <v>26</v>
      </c>
      <c r="B18" s="25"/>
      <c r="C18" s="20">
        <v>1117</v>
      </c>
      <c r="D18" s="19">
        <v>591</v>
      </c>
      <c r="E18" s="19">
        <v>526</v>
      </c>
      <c r="F18" s="23">
        <v>1093</v>
      </c>
      <c r="G18" s="15">
        <v>575</v>
      </c>
      <c r="H18" s="15">
        <v>518</v>
      </c>
      <c r="I18" s="17">
        <f t="shared" si="2"/>
        <v>97.851387645478965</v>
      </c>
      <c r="J18" s="23">
        <v>1067</v>
      </c>
      <c r="K18" s="15">
        <v>559</v>
      </c>
      <c r="L18" s="15">
        <v>508</v>
      </c>
      <c r="M18" s="15">
        <v>26</v>
      </c>
      <c r="N18" s="15">
        <v>16</v>
      </c>
      <c r="O18" s="15">
        <v>10</v>
      </c>
      <c r="P18" s="15">
        <v>10</v>
      </c>
      <c r="Q18" s="15">
        <v>7</v>
      </c>
      <c r="R18" s="19">
        <v>3</v>
      </c>
      <c r="S18" s="15">
        <v>14</v>
      </c>
      <c r="T18" s="15">
        <v>9</v>
      </c>
      <c r="U18" s="15">
        <v>5</v>
      </c>
      <c r="V18" s="21">
        <v>1137</v>
      </c>
      <c r="W18" s="21">
        <v>600</v>
      </c>
      <c r="X18" s="21">
        <v>537</v>
      </c>
      <c r="Y18" s="18">
        <f t="shared" si="3"/>
        <v>101.7905102954342</v>
      </c>
      <c r="Z18" s="15">
        <v>1113</v>
      </c>
      <c r="AA18" s="15">
        <v>584</v>
      </c>
      <c r="AB18" s="15">
        <v>529</v>
      </c>
      <c r="AC18" s="15">
        <v>1065</v>
      </c>
      <c r="AD18" s="15">
        <v>557</v>
      </c>
      <c r="AE18" s="15">
        <v>508</v>
      </c>
      <c r="AF18" s="15">
        <v>26</v>
      </c>
      <c r="AG18" s="15">
        <v>16</v>
      </c>
      <c r="AH18" s="15">
        <v>10</v>
      </c>
      <c r="AI18" s="15">
        <v>22</v>
      </c>
      <c r="AJ18" s="15">
        <v>11</v>
      </c>
      <c r="AK18" s="15">
        <v>11</v>
      </c>
      <c r="AL18" s="15">
        <v>10</v>
      </c>
      <c r="AM18" s="15">
        <v>7</v>
      </c>
      <c r="AN18" s="14">
        <v>3</v>
      </c>
      <c r="AO18" s="15">
        <v>14</v>
      </c>
      <c r="AP18" s="15">
        <v>9</v>
      </c>
      <c r="AQ18" s="15">
        <v>5</v>
      </c>
    </row>
    <row r="19" spans="1:43" s="13" customFormat="1" ht="34.5" customHeight="1">
      <c r="A19" s="24">
        <v>27</v>
      </c>
      <c r="B19" s="25"/>
      <c r="C19" s="20">
        <v>1084</v>
      </c>
      <c r="D19" s="19">
        <v>552</v>
      </c>
      <c r="E19" s="19">
        <v>532</v>
      </c>
      <c r="F19" s="23">
        <v>1074</v>
      </c>
      <c r="G19" s="15">
        <v>545</v>
      </c>
      <c r="H19" s="15">
        <v>529</v>
      </c>
      <c r="I19" s="17">
        <f t="shared" si="2"/>
        <v>99.077490774907744</v>
      </c>
      <c r="J19" s="23">
        <v>1057</v>
      </c>
      <c r="K19" s="15">
        <v>534</v>
      </c>
      <c r="L19" s="15">
        <v>523</v>
      </c>
      <c r="M19" s="15">
        <v>17</v>
      </c>
      <c r="N19" s="15">
        <v>11</v>
      </c>
      <c r="O19" s="15">
        <v>6</v>
      </c>
      <c r="P19" s="15">
        <v>5</v>
      </c>
      <c r="Q19" s="15">
        <v>3</v>
      </c>
      <c r="R19" s="19">
        <v>2</v>
      </c>
      <c r="S19" s="15">
        <v>5</v>
      </c>
      <c r="T19" s="15">
        <v>4</v>
      </c>
      <c r="U19" s="15">
        <v>1</v>
      </c>
      <c r="V19" s="21">
        <v>1094</v>
      </c>
      <c r="W19" s="21">
        <v>555</v>
      </c>
      <c r="X19" s="21">
        <v>539</v>
      </c>
      <c r="Y19" s="18">
        <f t="shared" si="3"/>
        <v>100.92250922509226</v>
      </c>
      <c r="Z19" s="15">
        <v>1085</v>
      </c>
      <c r="AA19" s="15">
        <v>549</v>
      </c>
      <c r="AB19" s="15">
        <v>536</v>
      </c>
      <c r="AC19" s="15">
        <v>1054</v>
      </c>
      <c r="AD19" s="15">
        <v>532</v>
      </c>
      <c r="AE19" s="15">
        <v>522</v>
      </c>
      <c r="AF19" s="15">
        <v>17</v>
      </c>
      <c r="AG19" s="15">
        <v>11</v>
      </c>
      <c r="AH19" s="15">
        <v>6</v>
      </c>
      <c r="AI19" s="15">
        <v>14</v>
      </c>
      <c r="AJ19" s="15">
        <v>6</v>
      </c>
      <c r="AK19" s="15">
        <v>8</v>
      </c>
      <c r="AL19" s="15">
        <v>4</v>
      </c>
      <c r="AM19" s="15">
        <v>2</v>
      </c>
      <c r="AN19" s="14">
        <v>2</v>
      </c>
      <c r="AO19" s="15">
        <v>5</v>
      </c>
      <c r="AP19" s="15">
        <v>4</v>
      </c>
      <c r="AQ19" s="15">
        <v>1</v>
      </c>
    </row>
    <row r="20" spans="1:43" s="13" customFormat="1" ht="34.5" customHeight="1">
      <c r="A20" s="24">
        <v>28</v>
      </c>
      <c r="B20" s="25"/>
      <c r="C20" s="19">
        <v>991</v>
      </c>
      <c r="D20" s="19">
        <v>511</v>
      </c>
      <c r="E20" s="19">
        <v>480</v>
      </c>
      <c r="F20" s="23">
        <v>980</v>
      </c>
      <c r="G20" s="15">
        <v>503</v>
      </c>
      <c r="H20" s="15">
        <v>477</v>
      </c>
      <c r="I20" s="17">
        <f t="shared" si="2"/>
        <v>98.890010090817356</v>
      </c>
      <c r="J20" s="23">
        <v>968</v>
      </c>
      <c r="K20" s="15">
        <v>496</v>
      </c>
      <c r="L20" s="15">
        <v>472</v>
      </c>
      <c r="M20" s="15">
        <v>12</v>
      </c>
      <c r="N20" s="15">
        <v>7</v>
      </c>
      <c r="O20" s="15">
        <v>5</v>
      </c>
      <c r="P20" s="15">
        <v>4</v>
      </c>
      <c r="Q20" s="15">
        <v>2</v>
      </c>
      <c r="R20" s="19">
        <v>2</v>
      </c>
      <c r="S20" s="15">
        <v>7</v>
      </c>
      <c r="T20" s="15">
        <v>6</v>
      </c>
      <c r="U20" s="15">
        <v>1</v>
      </c>
      <c r="V20" s="21">
        <v>998</v>
      </c>
      <c r="W20" s="21">
        <v>513</v>
      </c>
      <c r="X20" s="21">
        <v>485</v>
      </c>
      <c r="Y20" s="18">
        <f>V20/C20*100</f>
        <v>100.70635721493441</v>
      </c>
      <c r="Z20" s="15">
        <v>987</v>
      </c>
      <c r="AA20" s="15">
        <v>505</v>
      </c>
      <c r="AB20" s="15">
        <v>482</v>
      </c>
      <c r="AC20" s="15">
        <v>962</v>
      </c>
      <c r="AD20" s="15">
        <v>494</v>
      </c>
      <c r="AE20" s="15">
        <v>468</v>
      </c>
      <c r="AF20" s="15">
        <v>12</v>
      </c>
      <c r="AG20" s="15">
        <v>7</v>
      </c>
      <c r="AH20" s="15">
        <v>5</v>
      </c>
      <c r="AI20" s="15">
        <v>13</v>
      </c>
      <c r="AJ20" s="15">
        <v>4</v>
      </c>
      <c r="AK20" s="15">
        <v>9</v>
      </c>
      <c r="AL20" s="15">
        <v>4</v>
      </c>
      <c r="AM20" s="15">
        <v>2</v>
      </c>
      <c r="AN20" s="14">
        <v>2</v>
      </c>
      <c r="AO20" s="15">
        <v>7</v>
      </c>
      <c r="AP20" s="15">
        <v>6</v>
      </c>
      <c r="AQ20" s="15">
        <v>1</v>
      </c>
    </row>
    <row r="21" spans="1:43" s="13" customFormat="1" ht="34.5" customHeight="1">
      <c r="A21" s="24">
        <v>29</v>
      </c>
      <c r="B21" s="25"/>
      <c r="C21" s="19">
        <v>1044</v>
      </c>
      <c r="D21" s="19">
        <v>533</v>
      </c>
      <c r="E21" s="19">
        <v>511</v>
      </c>
      <c r="F21" s="23">
        <v>1031</v>
      </c>
      <c r="G21" s="15">
        <v>524</v>
      </c>
      <c r="H21" s="15">
        <v>507</v>
      </c>
      <c r="I21" s="17">
        <f>F21/C21*100</f>
        <v>98.754789272030649</v>
      </c>
      <c r="J21" s="23">
        <v>1008</v>
      </c>
      <c r="K21" s="15">
        <v>509</v>
      </c>
      <c r="L21" s="15">
        <v>499</v>
      </c>
      <c r="M21" s="15">
        <v>23</v>
      </c>
      <c r="N21" s="15">
        <v>15</v>
      </c>
      <c r="O21" s="15">
        <v>8</v>
      </c>
      <c r="P21" s="15">
        <v>4</v>
      </c>
      <c r="Q21" s="15">
        <v>4</v>
      </c>
      <c r="R21" s="19">
        <v>0</v>
      </c>
      <c r="S21" s="15">
        <v>9</v>
      </c>
      <c r="T21" s="15">
        <v>5</v>
      </c>
      <c r="U21" s="15">
        <v>4</v>
      </c>
      <c r="V21" s="21">
        <v>1053</v>
      </c>
      <c r="W21" s="21">
        <v>538</v>
      </c>
      <c r="X21" s="21">
        <v>515</v>
      </c>
      <c r="Y21" s="18">
        <f>V21/C21*100</f>
        <v>100.86206896551724</v>
      </c>
      <c r="Z21" s="15">
        <v>1040</v>
      </c>
      <c r="AA21" s="15">
        <v>529</v>
      </c>
      <c r="AB21" s="15">
        <v>511</v>
      </c>
      <c r="AC21" s="15">
        <v>1006</v>
      </c>
      <c r="AD21" s="15">
        <v>508</v>
      </c>
      <c r="AE21" s="15">
        <v>498</v>
      </c>
      <c r="AF21" s="15">
        <v>23</v>
      </c>
      <c r="AG21" s="15">
        <v>15</v>
      </c>
      <c r="AH21" s="15">
        <v>8</v>
      </c>
      <c r="AI21" s="15">
        <v>11</v>
      </c>
      <c r="AJ21" s="15">
        <v>6</v>
      </c>
      <c r="AK21" s="15">
        <v>5</v>
      </c>
      <c r="AL21" s="15">
        <v>4</v>
      </c>
      <c r="AM21" s="15">
        <v>4</v>
      </c>
      <c r="AN21" s="14">
        <v>0</v>
      </c>
      <c r="AO21" s="15">
        <v>9</v>
      </c>
      <c r="AP21" s="15">
        <v>5</v>
      </c>
      <c r="AQ21" s="15">
        <v>4</v>
      </c>
    </row>
    <row r="22" spans="1:43" s="13" customFormat="1" ht="34.5" customHeight="1">
      <c r="A22" s="24">
        <v>30</v>
      </c>
      <c r="B22" s="25"/>
      <c r="C22" s="19">
        <v>968</v>
      </c>
      <c r="D22" s="19">
        <v>495</v>
      </c>
      <c r="E22" s="19">
        <v>473</v>
      </c>
      <c r="F22" s="23">
        <v>956</v>
      </c>
      <c r="G22" s="15">
        <v>487</v>
      </c>
      <c r="H22" s="15">
        <v>469</v>
      </c>
      <c r="I22" s="17">
        <f>F22/C22*100</f>
        <v>98.760330578512395</v>
      </c>
      <c r="J22" s="23">
        <v>945</v>
      </c>
      <c r="K22" s="15">
        <v>482</v>
      </c>
      <c r="L22" s="15">
        <v>463</v>
      </c>
      <c r="M22" s="15">
        <v>11</v>
      </c>
      <c r="N22" s="15">
        <v>5</v>
      </c>
      <c r="O22" s="15">
        <v>6</v>
      </c>
      <c r="P22" s="15">
        <v>2</v>
      </c>
      <c r="Q22" s="15">
        <v>2</v>
      </c>
      <c r="R22" s="19">
        <v>0</v>
      </c>
      <c r="S22" s="15">
        <v>10</v>
      </c>
      <c r="T22" s="15">
        <v>6</v>
      </c>
      <c r="U22" s="15">
        <v>4</v>
      </c>
      <c r="V22" s="21">
        <v>977</v>
      </c>
      <c r="W22" s="21">
        <v>500</v>
      </c>
      <c r="X22" s="21">
        <v>477</v>
      </c>
      <c r="Y22" s="18">
        <f>V22/C22*100</f>
        <v>100.9297520661157</v>
      </c>
      <c r="Z22" s="15">
        <v>965</v>
      </c>
      <c r="AA22" s="15">
        <v>492</v>
      </c>
      <c r="AB22" s="15">
        <v>473</v>
      </c>
      <c r="AC22" s="15">
        <v>944</v>
      </c>
      <c r="AD22" s="15">
        <v>481</v>
      </c>
      <c r="AE22" s="15">
        <v>463</v>
      </c>
      <c r="AF22" s="15">
        <v>11</v>
      </c>
      <c r="AG22" s="15">
        <v>5</v>
      </c>
      <c r="AH22" s="15">
        <v>6</v>
      </c>
      <c r="AI22" s="15">
        <v>10</v>
      </c>
      <c r="AJ22" s="15">
        <v>6</v>
      </c>
      <c r="AK22" s="15">
        <v>4</v>
      </c>
      <c r="AL22" s="15">
        <v>2</v>
      </c>
      <c r="AM22" s="15">
        <v>2</v>
      </c>
      <c r="AN22" s="14">
        <v>0</v>
      </c>
      <c r="AO22" s="15">
        <v>10</v>
      </c>
      <c r="AP22" s="15">
        <v>6</v>
      </c>
      <c r="AQ22" s="15">
        <v>4</v>
      </c>
    </row>
    <row r="23" spans="1:43" s="13" customFormat="1" ht="34.5" customHeight="1">
      <c r="A23" s="24">
        <v>31</v>
      </c>
      <c r="B23" s="25"/>
      <c r="C23" s="19">
        <v>1025</v>
      </c>
      <c r="D23" s="19">
        <v>542</v>
      </c>
      <c r="E23" s="19">
        <v>483</v>
      </c>
      <c r="F23" s="23">
        <v>1008</v>
      </c>
      <c r="G23" s="15">
        <v>534</v>
      </c>
      <c r="H23" s="15">
        <v>474</v>
      </c>
      <c r="I23" s="17">
        <f>F23/C23*100</f>
        <v>98.341463414634148</v>
      </c>
      <c r="J23" s="23">
        <v>989</v>
      </c>
      <c r="K23" s="15">
        <v>527</v>
      </c>
      <c r="L23" s="15">
        <v>462</v>
      </c>
      <c r="M23" s="15">
        <v>19</v>
      </c>
      <c r="N23" s="15">
        <v>7</v>
      </c>
      <c r="O23" s="15">
        <v>12</v>
      </c>
      <c r="P23" s="15">
        <v>3</v>
      </c>
      <c r="Q23" s="15">
        <v>2</v>
      </c>
      <c r="R23" s="19">
        <v>1</v>
      </c>
      <c r="S23" s="15">
        <v>14</v>
      </c>
      <c r="T23" s="15">
        <v>6</v>
      </c>
      <c r="U23" s="15">
        <v>8</v>
      </c>
      <c r="V23" s="21">
        <v>1035</v>
      </c>
      <c r="W23" s="21">
        <v>545</v>
      </c>
      <c r="X23" s="21">
        <v>490</v>
      </c>
      <c r="Y23" s="18">
        <f>V23/C23*100</f>
        <v>100.97560975609755</v>
      </c>
      <c r="Z23" s="15">
        <v>1018</v>
      </c>
      <c r="AA23" s="15">
        <v>537</v>
      </c>
      <c r="AB23" s="15">
        <v>481</v>
      </c>
      <c r="AC23" s="15">
        <v>985</v>
      </c>
      <c r="AD23" s="15">
        <v>525</v>
      </c>
      <c r="AE23" s="15">
        <v>460</v>
      </c>
      <c r="AF23" s="15">
        <v>19</v>
      </c>
      <c r="AG23" s="15">
        <v>7</v>
      </c>
      <c r="AH23" s="15">
        <v>12</v>
      </c>
      <c r="AI23" s="15">
        <v>14</v>
      </c>
      <c r="AJ23" s="15">
        <v>5</v>
      </c>
      <c r="AK23" s="15">
        <v>9</v>
      </c>
      <c r="AL23" s="15">
        <v>3</v>
      </c>
      <c r="AM23" s="15">
        <v>2</v>
      </c>
      <c r="AN23" s="14">
        <v>1</v>
      </c>
      <c r="AO23" s="15">
        <v>14</v>
      </c>
      <c r="AP23" s="15">
        <v>6</v>
      </c>
      <c r="AQ23" s="15">
        <v>8</v>
      </c>
    </row>
    <row r="24" spans="1:43" ht="16.5" customHeight="1">
      <c r="A24" s="8" t="s">
        <v>4</v>
      </c>
    </row>
    <row r="26" spans="1:43">
      <c r="A26" s="16"/>
    </row>
  </sheetData>
  <mergeCells count="35">
    <mergeCell ref="A10:B10"/>
    <mergeCell ref="Z3:AK3"/>
    <mergeCell ref="AC4:AE4"/>
    <mergeCell ref="F4:I4"/>
    <mergeCell ref="V3:Y4"/>
    <mergeCell ref="A6:B6"/>
    <mergeCell ref="A7:B7"/>
    <mergeCell ref="A2:B5"/>
    <mergeCell ref="V2:AQ2"/>
    <mergeCell ref="AO3:AQ4"/>
    <mergeCell ref="Z4:AB4"/>
    <mergeCell ref="AF4:AH4"/>
    <mergeCell ref="P3:R4"/>
    <mergeCell ref="S3:U4"/>
    <mergeCell ref="A19:B19"/>
    <mergeCell ref="A20:B20"/>
    <mergeCell ref="A15:B15"/>
    <mergeCell ref="A12:B12"/>
    <mergeCell ref="A11:B11"/>
    <mergeCell ref="A23:B23"/>
    <mergeCell ref="A21:B21"/>
    <mergeCell ref="A18:B18"/>
    <mergeCell ref="A22:B22"/>
    <mergeCell ref="AL3:AN4"/>
    <mergeCell ref="A8:B8"/>
    <mergeCell ref="A9:B9"/>
    <mergeCell ref="J4:L4"/>
    <mergeCell ref="M4:O4"/>
    <mergeCell ref="AI4:AK4"/>
    <mergeCell ref="F3:O3"/>
    <mergeCell ref="A16:B16"/>
    <mergeCell ref="A14:B14"/>
    <mergeCell ref="C3:E4"/>
    <mergeCell ref="A13:B13"/>
    <mergeCell ref="A17:B17"/>
  </mergeCells>
  <phoneticPr fontId="2"/>
  <pageMargins left="0.78740157480314965" right="0.78740157480314965" top="0.98425196850393704" bottom="0.98425196850393704" header="0.51181102362204722" footer="0.51181102362204722"/>
  <pageSetup paperSize="8" scale="98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0-8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0-11-14T07:55:44Z</cp:lastPrinted>
  <dcterms:created xsi:type="dcterms:W3CDTF">1997-01-08T22:48:59Z</dcterms:created>
  <dcterms:modified xsi:type="dcterms:W3CDTF">2021-02-06T03:08:57Z</dcterms:modified>
</cp:coreProperties>
</file>